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8314\Desktop\"/>
    </mc:Choice>
  </mc:AlternateContent>
  <bookViews>
    <workbookView xWindow="0" yWindow="0" windowWidth="21600" windowHeight="8925"/>
  </bookViews>
  <sheets>
    <sheet name="Hoja1" sheetId="1" r:id="rId1"/>
  </sheets>
  <definedNames>
    <definedName name="_xlnm._FilterDatabase" localSheetId="0" hidden="1">Hoja1!$A$1:$N$1836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84279" uniqueCount="607">
  <si>
    <t>SINIESTRO</t>
  </si>
  <si>
    <t>ESTATUS</t>
  </si>
  <si>
    <t>RAMOID</t>
  </si>
  <si>
    <t>ENFERMEDAD</t>
  </si>
  <si>
    <t>TIPO_SIN</t>
  </si>
  <si>
    <t>TP_PROVEEDOR</t>
  </si>
  <si>
    <t>CLINICA</t>
  </si>
  <si>
    <t>ESTADO</t>
  </si>
  <si>
    <t>SEXO</t>
  </si>
  <si>
    <t>EDAD</t>
  </si>
  <si>
    <t>CD_PAIS</t>
  </si>
  <si>
    <t>MONTO USD</t>
  </si>
  <si>
    <t>Rango Edad</t>
  </si>
  <si>
    <t>Hospitalizacion-Ambulatorio</t>
  </si>
  <si>
    <t>Trastorno Interno De La Rodilla</t>
  </si>
  <si>
    <t>CARTA AVAL</t>
  </si>
  <si>
    <t>Distrito Capital</t>
  </si>
  <si>
    <t>F</t>
  </si>
  <si>
    <t>60-69</t>
  </si>
  <si>
    <t>Ambulatorio</t>
  </si>
  <si>
    <t>Gonartrosis [Artrosis De La Rodilla]</t>
  </si>
  <si>
    <t>M</t>
  </si>
  <si>
    <t>Mayor a 70</t>
  </si>
  <si>
    <t>Traumatismo Superficial Del Hombro Y Del Brazo</t>
  </si>
  <si>
    <t>40-49</t>
  </si>
  <si>
    <t>Cervicalalgia/Hernia Discal</t>
  </si>
  <si>
    <t>50-59</t>
  </si>
  <si>
    <t>Traumatismo Superficial De La Muñeca Y De La Mano</t>
  </si>
  <si>
    <t>20-29</t>
  </si>
  <si>
    <t>Epicondilitis Lateral</t>
  </si>
  <si>
    <t>30-39</t>
  </si>
  <si>
    <t>Luxaciones, Torcedura Y Esguinces Que Afectan Multiples Regi</t>
  </si>
  <si>
    <t>Fascitis Plantar</t>
  </si>
  <si>
    <t>Lumbalgia</t>
  </si>
  <si>
    <t>Bursitis Del Hombro</t>
  </si>
  <si>
    <t>Sindrome Del Manguito Rotatorio</t>
  </si>
  <si>
    <t>Enfermedad De Quervain</t>
  </si>
  <si>
    <t>Contractura Muscular</t>
  </si>
  <si>
    <t>Compresiones De Las Raices Y De Los Plexos Nerviosos</t>
  </si>
  <si>
    <t>Sinovitis Y Tenosinovitis</t>
  </si>
  <si>
    <t>Fractura De La Pierna, Inclusive El Tobillo</t>
  </si>
  <si>
    <t>Hallux Valgus (Adquirido)</t>
  </si>
  <si>
    <t>Sinusitis Aguda</t>
  </si>
  <si>
    <t>Nevo Melanocitico</t>
  </si>
  <si>
    <t>Cistitis /Pielonefritis</t>
  </si>
  <si>
    <t>Otros Tumores Benignos De La Piel</t>
  </si>
  <si>
    <t>Hipotiroidismo</t>
  </si>
  <si>
    <t>Verrugas Viricas</t>
  </si>
  <si>
    <t>Tumores Benignos Lipomatosos</t>
  </si>
  <si>
    <t>Polipo Del Tracto Genital Femenino</t>
  </si>
  <si>
    <t>Celulitis</t>
  </si>
  <si>
    <t>Hiperplasia De La Prostata</t>
  </si>
  <si>
    <t>Obesidad</t>
  </si>
  <si>
    <t>Trastornos Del Aparato Lagrimal</t>
  </si>
  <si>
    <t>Leiomioma Del Utero</t>
  </si>
  <si>
    <t>Dermatitis</t>
  </si>
  <si>
    <t>Erosion Y Ectropion Del Cuello Del Utero</t>
  </si>
  <si>
    <t>Cataratas</t>
  </si>
  <si>
    <t>Tumor Maligno De La Mama</t>
  </si>
  <si>
    <t>Trastornos Inflamatorios De La Mama</t>
  </si>
  <si>
    <t>Tumor Maligno De La Prostata</t>
  </si>
  <si>
    <t>Chalazion</t>
  </si>
  <si>
    <t>Tumor Maligno De Los Bronquios Y Del Pulmon</t>
  </si>
  <si>
    <t>Catarata De Ojo Derecho</t>
  </si>
  <si>
    <t>Degeneracion De La Macula Y Del Polo Posterior Del Ojo</t>
  </si>
  <si>
    <t>Catarata De Ojo Izquierdo</t>
  </si>
  <si>
    <t>Hipertension Arterial Y Sus Complicaciones</t>
  </si>
  <si>
    <t>Colecistitis Aguda Litiasica</t>
  </si>
  <si>
    <t>Rinitis Alergica Y Vasomotora</t>
  </si>
  <si>
    <t>Miopia-Astigmatismo- Presbicia</t>
  </si>
  <si>
    <t>Absceso Del Pulmon Y Del Mediastino</t>
  </si>
  <si>
    <t>Liquen Simple Cronico Y Prurigo</t>
  </si>
  <si>
    <t>Candidiasis</t>
  </si>
  <si>
    <t>Enfermedad Pelvica Inflamatoria</t>
  </si>
  <si>
    <t>Ulcera Peptica, De Sitio No Especificado</t>
  </si>
  <si>
    <t>Amigdalo-Faringitis Aguda</t>
  </si>
  <si>
    <t>Vaginitis Aguda</t>
  </si>
  <si>
    <t>Tumor Benigno Del Ojo Y Sus Anexos</t>
  </si>
  <si>
    <t>Absceso Hepatico</t>
  </si>
  <si>
    <t>Estrechez Uretral</t>
  </si>
  <si>
    <t>Enfermedad De Crohn [Enteritis Regional]</t>
  </si>
  <si>
    <t>Psoriasis</t>
  </si>
  <si>
    <t>Anemia Por Deficiencia De Hierro-Folatos-B12</t>
  </si>
  <si>
    <t>Ptosis De Los Parpados (Paralitica)</t>
  </si>
  <si>
    <t>Varicocele (Varices Escrotales)</t>
  </si>
  <si>
    <t>Verruga Anogenital (Venerea) (Vph)</t>
  </si>
  <si>
    <t>Artritis Reumatoidea</t>
  </si>
  <si>
    <t>Arritmia Cardiaca</t>
  </si>
  <si>
    <t>Endometriosis</t>
  </si>
  <si>
    <t>Ovario Poliquistico</t>
  </si>
  <si>
    <t>Embarazo, Parto Y Puerperio</t>
  </si>
  <si>
    <t>Dolor Abdominal Y Pelvico</t>
  </si>
  <si>
    <t>Hemorragia Del Vitreo</t>
  </si>
  <si>
    <t>Desprendimiento Y Desgarro De La Retina</t>
  </si>
  <si>
    <t>Incontinencia Urinaria</t>
  </si>
  <si>
    <t>Tumor Maligno Del Ovario</t>
  </si>
  <si>
    <t>Hemorragia Gastrointestinal No Especificada</t>
  </si>
  <si>
    <t>Pterigion</t>
  </si>
  <si>
    <t>Cifo-Escoliosos-Lordosis</t>
  </si>
  <si>
    <t>Otitis Externa Y Media Supurativa</t>
  </si>
  <si>
    <t>Neuralgia Y Neuritis</t>
  </si>
  <si>
    <t>Otosclerosis</t>
  </si>
  <si>
    <t>Linfoma No Hodkin</t>
  </si>
  <si>
    <t>Colico Nefritico/Calculo Renal</t>
  </si>
  <si>
    <t>Sindrome Del Tunel Carpiano</t>
  </si>
  <si>
    <t>Coxartrosis [Artrosis De La Cadera]</t>
  </si>
  <si>
    <t>CENTROS DE RADIOLOGIA</t>
  </si>
  <si>
    <t>Diarrea Y Gastroenteritis De Presunto Origen Infeccioso</t>
  </si>
  <si>
    <t>Trastornos Del Sueño</t>
  </si>
  <si>
    <t>Hemorroides Y Sus Complicaciones</t>
  </si>
  <si>
    <t>MATERIALES DE SINTESIS Y PROTESIS</t>
  </si>
  <si>
    <t>Sindrome Del Colon Irritable</t>
  </si>
  <si>
    <t>CENTROS DE FISIOTERAPIA Y REHABILITACIÓN</t>
  </si>
  <si>
    <t>Hipoacusia Y Sordera Subita</t>
  </si>
  <si>
    <t>Migraña</t>
  </si>
  <si>
    <t>Ruptura O Desgarro Tendomuscular</t>
  </si>
  <si>
    <t>Melasma</t>
  </si>
  <si>
    <t>MEDICO</t>
  </si>
  <si>
    <t>Acne</t>
  </si>
  <si>
    <t>Acantosis Nigricans</t>
  </si>
  <si>
    <t>Quiste Folicular De La Piel Y Del Tejido Subcutaneo</t>
  </si>
  <si>
    <t>Queratosis Seborreica</t>
  </si>
  <si>
    <t>Otalgia Y Secrecion Del Oido</t>
  </si>
  <si>
    <t>FARMACIAS</t>
  </si>
  <si>
    <t>Osteoporosis</t>
  </si>
  <si>
    <t>Tumor Maligno Del Colon</t>
  </si>
  <si>
    <t>Gastritis (Simple)</t>
  </si>
  <si>
    <t>Diabetes Mellitus Tipo I Y Ii</t>
  </si>
  <si>
    <t>Absceso Cutaneo, Furunculo Y Carbunco</t>
  </si>
  <si>
    <t>Hiperplasia De Glandula Del Endometrio</t>
  </si>
  <si>
    <t>Menopausia-Perimenopausia</t>
  </si>
  <si>
    <t>Quiste Ovario</t>
  </si>
  <si>
    <t>Sindrome Vertiginoso</t>
  </si>
  <si>
    <t>Nodulo Tiroideo</t>
  </si>
  <si>
    <t>Dedo En Gatillo</t>
  </si>
  <si>
    <t>Traumatismo Superficial Y Herida  Del Tobillo Y Del Pie</t>
  </si>
  <si>
    <t>Hernia Inguinal</t>
  </si>
  <si>
    <t>Quiste Sinovial. Gangliòn</t>
  </si>
  <si>
    <t>Glaucoma</t>
  </si>
  <si>
    <t>Tumor Maligno De La Glandula Suprarrenal</t>
  </si>
  <si>
    <t>Entropion Y Triquiasis Palpebral</t>
  </si>
  <si>
    <t>Fractura A Nivel De La Muñeca Y De La Mano</t>
  </si>
  <si>
    <t>Prolapso Genital Femenino</t>
  </si>
  <si>
    <t>Tumor Maligno De La Glandula Tiroides</t>
  </si>
  <si>
    <t>Mieloma Multiple Y Tumores Malignos De Celulas Plasmaticas</t>
  </si>
  <si>
    <t>Melanoma Maligno De La Piel</t>
  </si>
  <si>
    <t>Traumatismo Y Herida De La Cabeza</t>
  </si>
  <si>
    <t>Enfermedad Del Reflujo Gastroesofagico</t>
  </si>
  <si>
    <t>Displasia Del Cuello Uterino</t>
  </si>
  <si>
    <t>Deformidad De Dedo(S) De La Mano</t>
  </si>
  <si>
    <t>Prostatitis Aguda / Cronica</t>
  </si>
  <si>
    <t>Traumatismo Superficial Del Antebrazo Y Del Codo</t>
  </si>
  <si>
    <t>Hiperhidrosis</t>
  </si>
  <si>
    <t>Tumor Del Riñon-Pelvis Y Ureter</t>
  </si>
  <si>
    <t>Fractura De La Columna Lumbar Y De La Pelvis</t>
  </si>
  <si>
    <t>Fractura De Los Huesos De La Cara Y Nariz</t>
  </si>
  <si>
    <t>Aneurisma Aortico -Abdominal-Renal</t>
  </si>
  <si>
    <t>Tumor Benigno De La Mama</t>
  </si>
  <si>
    <t>Prepucio Redundante, Fimosis Y Parafimosis</t>
  </si>
  <si>
    <t>Otros Tumores Malignos De La Piel</t>
  </si>
  <si>
    <t>Parotiditis Infecciosa</t>
  </si>
  <si>
    <t>Infeccion Viral</t>
  </si>
  <si>
    <t>Cefalea</t>
  </si>
  <si>
    <t>Sincope Y Colapso</t>
  </si>
  <si>
    <t>Trastornos Del Nervio Trigemino-Facial Y Otros</t>
  </si>
  <si>
    <t>Cardiopatia Isquemica:Angina De Pecho-Infarto Al Miocardio</t>
  </si>
  <si>
    <t>Intoxicacion Alimentaria Bacteriana</t>
  </si>
  <si>
    <t>Tumor Benigno Del Encefalo Y Otras Partes Del Sist. Nervioso</t>
  </si>
  <si>
    <t>LABORATORIOS</t>
  </si>
  <si>
    <t>Traumatismo Superficial De La Cadera Y Del Muslo</t>
  </si>
  <si>
    <t>COMPRAS Y SUMINISTROS</t>
  </si>
  <si>
    <t>Tumor Maligno De La Vejiga Urinaria</t>
  </si>
  <si>
    <t>Sindrome Ojo Seco [Sjogren]</t>
  </si>
  <si>
    <t>Infeccion Viral - Covid 19 Sospechoso</t>
  </si>
  <si>
    <t>Hernia Umbilical</t>
  </si>
  <si>
    <t>Tumor Maligno Del Recto</t>
  </si>
  <si>
    <t>Insuficiencia Venosa (Cronica - Periferica)</t>
  </si>
  <si>
    <t>Estrechez Y Estenosis Del Cuello Del Utero</t>
  </si>
  <si>
    <t>Venas Varicosas De Los Miembros Inferiores</t>
  </si>
  <si>
    <t>Hipertrofia De La Mama</t>
  </si>
  <si>
    <t>Orquitis Y Epididimitis</t>
  </si>
  <si>
    <t>Hernia Inguinal Bilateral</t>
  </si>
  <si>
    <t>Esclerosis Sistemica</t>
  </si>
  <si>
    <t>Queratocono</t>
  </si>
  <si>
    <t>Fractura De La Columna Vertebral, Nivel No Especificado</t>
  </si>
  <si>
    <t>Blefaroptosis</t>
  </si>
  <si>
    <t>Parto Unico Espontaneo</t>
  </si>
  <si>
    <t>Trastornos De La Menstruacion: Ausente-Excesiva</t>
  </si>
  <si>
    <t>Hidrocele Y Espermatocele</t>
  </si>
  <si>
    <t>Polipos Y Nodulos Cuerdas Vocales</t>
  </si>
  <si>
    <t>Tumor Maligno Del Pancreas</t>
  </si>
  <si>
    <t>Deformidades Adquiridas De Los Dedos De La Mano Y Del Pie</t>
  </si>
  <si>
    <t>Enfermedad De Parkinson</t>
  </si>
  <si>
    <t>Lupus Eritematoso Sistemico</t>
  </si>
  <si>
    <t>Desviacion Del Tabique Nasal</t>
  </si>
  <si>
    <t>Hipertrofia De Cornetes</t>
  </si>
  <si>
    <t>Trastorno Del Ligamento Cruzado Anterior</t>
  </si>
  <si>
    <t>Disparo Con Arma De Fuego</t>
  </si>
  <si>
    <t>Tumor Maligno De Otras Partes Y De Las No Especificadas</t>
  </si>
  <si>
    <t>Adenomegalia</t>
  </si>
  <si>
    <t>Fractura Del Pie, Excepto Del Tobillo</t>
  </si>
  <si>
    <t>Tumor Maligno De La Vesicula Biliar</t>
  </si>
  <si>
    <t>0-9</t>
  </si>
  <si>
    <t>Colera</t>
  </si>
  <si>
    <t>Bartholinitis</t>
  </si>
  <si>
    <t>Balanitis</t>
  </si>
  <si>
    <t>Quistes De La Region Bucal, No Clasificados En Otra Parte</t>
  </si>
  <si>
    <t>Insuficiencia Renal Cronica</t>
  </si>
  <si>
    <t>Hemorragia Subaracnoidea-Intraencefalica</t>
  </si>
  <si>
    <t>Fractura Del Antebrazo</t>
  </si>
  <si>
    <t>Control General De Salud De Rutina De Subpoblaciones Definid</t>
  </si>
  <si>
    <t>Traumatismo Superficial Y Herida De La Pierna</t>
  </si>
  <si>
    <t>Sindrome Nefritico / Nefrotico</t>
  </si>
  <si>
    <t>Sarcoma</t>
  </si>
  <si>
    <t>Hemangioma Y Linfangioma De Cualquier Sitio</t>
  </si>
  <si>
    <t>Tumor Maligno De La Base De La Lengua</t>
  </si>
  <si>
    <t>Urticaria</t>
  </si>
  <si>
    <t>Malformaciones Congenitas Del Ojo Y Sus Anexos</t>
  </si>
  <si>
    <t>Blefaroconjuntivitis</t>
  </si>
  <si>
    <t>Traumatismos Superficiales Que Afectan Multiples Regiones De</t>
  </si>
  <si>
    <t>Retencion De Orina</t>
  </si>
  <si>
    <t>Disfonia</t>
  </si>
  <si>
    <t>Pie Plano</t>
  </si>
  <si>
    <t>Paralisis De Bell</t>
  </si>
  <si>
    <t>Accidente Cerebro Vascular Transitorio-Embolico-Hemorragico</t>
  </si>
  <si>
    <t>Tumor Maligno De La Union Rectosigmoidea</t>
  </si>
  <si>
    <t>Otras Enfermedades De Los Maxilares</t>
  </si>
  <si>
    <t>Fractura Del Femur</t>
  </si>
  <si>
    <t>Otras Enfermedades Pulmonares Intersticiales Con Fibrosis</t>
  </si>
  <si>
    <t>Traumatismo Intracraneal</t>
  </si>
  <si>
    <t>Deformidad En Varo</t>
  </si>
  <si>
    <t>Enfermedades De Las Glandulas Salivales</t>
  </si>
  <si>
    <t>Fractura Del Hombro Y Del Brazo</t>
  </si>
  <si>
    <t>Mareo Y Desvanecimiento</t>
  </si>
  <si>
    <t>Sindromes Mielodisplasicos</t>
  </si>
  <si>
    <t>Tuberculosis</t>
  </si>
  <si>
    <t>Espolon Calcaneo</t>
  </si>
  <si>
    <t>Mama Supernumeraria</t>
  </si>
  <si>
    <t>Miranda</t>
  </si>
  <si>
    <t>Bolivar</t>
  </si>
  <si>
    <t>Aragua</t>
  </si>
  <si>
    <t>Zulia</t>
  </si>
  <si>
    <t>Carabobo</t>
  </si>
  <si>
    <t>Aborto</t>
  </si>
  <si>
    <t>Nueva Esparta</t>
  </si>
  <si>
    <t>Trastorno Del Pene (Enfermedad Del Peyronie)</t>
  </si>
  <si>
    <t>Enfermedad Diverticular Del Intestino</t>
  </si>
  <si>
    <t>Lara</t>
  </si>
  <si>
    <t>Vargas</t>
  </si>
  <si>
    <t>Falcon</t>
  </si>
  <si>
    <t>Trujillo</t>
  </si>
  <si>
    <t>Hernia De Hiato, Hiatal (Esofagica) (Por Deslizamiento)</t>
  </si>
  <si>
    <t>Anzoategui</t>
  </si>
  <si>
    <t>Monagas</t>
  </si>
  <si>
    <t>Neumotorax</t>
  </si>
  <si>
    <t>Bronquitis Cronica-Enfisema (Epoc)</t>
  </si>
  <si>
    <t>Fracturas Que Afectan Multiples Regiones Del Cuerpo</t>
  </si>
  <si>
    <t>Portuguesa</t>
  </si>
  <si>
    <t>Enfermedades De La Lengua</t>
  </si>
  <si>
    <t>Epistaxis</t>
  </si>
  <si>
    <t>Sind. Hipertension Endocraneana</t>
  </si>
  <si>
    <t>Polipo Nasal</t>
  </si>
  <si>
    <t>Yaracuy</t>
  </si>
  <si>
    <t>Estado No Identificado</t>
  </si>
  <si>
    <t>Sucre</t>
  </si>
  <si>
    <t>Obstruccion Intestinal/Ileo Paralitico</t>
  </si>
  <si>
    <t>Testiculo No Descendido</t>
  </si>
  <si>
    <t>Merida</t>
  </si>
  <si>
    <t>Eventracion-Evisceracion</t>
  </si>
  <si>
    <t>Barinas</t>
  </si>
  <si>
    <t>Mastopatia Quistica Difusa</t>
  </si>
  <si>
    <t>REEMBOLSO</t>
  </si>
  <si>
    <t>Escabiosis</t>
  </si>
  <si>
    <t>Infeccion Viral - Covid 19</t>
  </si>
  <si>
    <t>Bronquitis Aguda</t>
  </si>
  <si>
    <t>Otras Enfermedades De Los Tejidos Duros De Los Dientes</t>
  </si>
  <si>
    <t>Esofagitis</t>
  </si>
  <si>
    <t>Amibiasis</t>
  </si>
  <si>
    <t>Nausea Y Vomito</t>
  </si>
  <si>
    <t>Heridas Que Afectan Multiples Regiones Del Cuerpo</t>
  </si>
  <si>
    <t>Trastorno De Menisco Debido A Desgarro O Lesion Antigua</t>
  </si>
  <si>
    <t>Apendicitis Aguda</t>
  </si>
  <si>
    <t>Pitiriasis Rosada</t>
  </si>
  <si>
    <t>Fiebre Del Dengue Clasico/Hemorragico</t>
  </si>
  <si>
    <t>Otros Trastornos Del Metabolismo De Los Carbohidratos</t>
  </si>
  <si>
    <t>Laringitis Y Traqueitis Agudas</t>
  </si>
  <si>
    <t>Sepsis Bacteriana Del Recien Nacido</t>
  </si>
  <si>
    <t>Parasitosis Intestinal</t>
  </si>
  <si>
    <t>Conjuntivitis</t>
  </si>
  <si>
    <t>Onicocriptosis</t>
  </si>
  <si>
    <t>Malformaciones Cardiacas</t>
  </si>
  <si>
    <t>Leucemia</t>
  </si>
  <si>
    <t>Micosis Superficiales</t>
  </si>
  <si>
    <t>Epilepsia</t>
  </si>
  <si>
    <t>Tachira</t>
  </si>
  <si>
    <t>Deformidades Congenitas De Los Pies</t>
  </si>
  <si>
    <t>Convulsiones, No Clasificadas En Otra Parte</t>
  </si>
  <si>
    <t>Deformidad En Valgo</t>
  </si>
  <si>
    <t>Reacciones E Intoxicaciones Debidas A Drogas Administradas A</t>
  </si>
  <si>
    <t>Tos</t>
  </si>
  <si>
    <t>Herpes Simple</t>
  </si>
  <si>
    <t>Asma Bronquial</t>
  </si>
  <si>
    <t>Mononucleosis Infecciosa</t>
  </si>
  <si>
    <t>Paralisis Cerebral Infantil</t>
  </si>
  <si>
    <t>Hipertrigliceridemia E Hipercolesterolemia</t>
  </si>
  <si>
    <t>Alopecia</t>
  </si>
  <si>
    <t>Traumatismo De Organos Intrabdominales Y Pelvicos</t>
  </si>
  <si>
    <t>Dificultad Respiratoria Del Recien Nacido</t>
  </si>
  <si>
    <t>Traumatismo Superficial Del Torax</t>
  </si>
  <si>
    <t>Dientes Incluidos E Impactados</t>
  </si>
  <si>
    <t>Tumor Maligno Del Utero</t>
  </si>
  <si>
    <t>Poliartrosis</t>
  </si>
  <si>
    <t>Tiroiditis</t>
  </si>
  <si>
    <t>Herpes Zoster</t>
  </si>
  <si>
    <t>Neumonia Bacteriana/Viral</t>
  </si>
  <si>
    <t>Parto Unico Por Cesarea</t>
  </si>
  <si>
    <t>Tumor Maligno De Los Huesos Y De Los Cartilagos Articulares</t>
  </si>
  <si>
    <t>Espondilolistesis</t>
  </si>
  <si>
    <t>Sindrome De Dificultad Respiratoria Del Adulto</t>
  </si>
  <si>
    <t>Dedo En Martillo</t>
  </si>
  <si>
    <t>Trastornos Del Desarrollo</t>
  </si>
  <si>
    <t>Cuerpo Extraño En Cualquier Parte Del Cuerpo</t>
  </si>
  <si>
    <t>Estrabismo</t>
  </si>
  <si>
    <t>Tumor Encefalico-Meninges Y Medula</t>
  </si>
  <si>
    <t>Bronquiolitis Aguda</t>
  </si>
  <si>
    <t>Acidosis Tubular Renal</t>
  </si>
  <si>
    <t>Dermatopolimiositis</t>
  </si>
  <si>
    <t>Trastornos Del Metabolismo De Los Minerales</t>
  </si>
  <si>
    <t>Quemaduras De I-Ii-Iii Grado</t>
  </si>
  <si>
    <t>Dorsalgia</t>
  </si>
  <si>
    <t>Trombocitosis Esencial</t>
  </si>
  <si>
    <t>Uretritis Y Sindrome Uretral</t>
  </si>
  <si>
    <t>Ictericia No Especificada</t>
  </si>
  <si>
    <t>Insuficiencia Hepatica, No Clasificada En Otra Parte</t>
  </si>
  <si>
    <t>Mononeuropatias Del Miembro Inferior</t>
  </si>
  <si>
    <t>Vejiga Neurogenica</t>
  </si>
  <si>
    <t>Torsion Del Testiculo</t>
  </si>
  <si>
    <t>Tumor Benigno Del Oido Medio Y Del Sistema Respiratorio</t>
  </si>
  <si>
    <t>Pancreatitis Aguda</t>
  </si>
  <si>
    <t>Pericarditis Aguda</t>
  </si>
  <si>
    <t>Tumor Benigno Del Ovario</t>
  </si>
  <si>
    <t>Quiste Pilonidal</t>
  </si>
  <si>
    <t>Malformaciones Congenitas Genital Femenino</t>
  </si>
  <si>
    <t>Disfagia</t>
  </si>
  <si>
    <t>Tumor Maligno Del Testiculo</t>
  </si>
  <si>
    <t>Sindrome De Hiperinmunoglobulina E (Ige)</t>
  </si>
  <si>
    <t>Tumor Maligno Del Esofago</t>
  </si>
  <si>
    <t>Hematuria Recurrente Y Persistente</t>
  </si>
  <si>
    <t>Tumor Benigno Del Colon, Del Recto, Del Conducto Anal</t>
  </si>
  <si>
    <t>Hidradenitis Supurativa</t>
  </si>
  <si>
    <t>Neuritis Intercostal [Tietze]</t>
  </si>
  <si>
    <t>Epiescleritis</t>
  </si>
  <si>
    <t>Fibromialgia</t>
  </si>
  <si>
    <t>Insuficiencia Cardiaca</t>
  </si>
  <si>
    <t>Ulcera De La Cornea</t>
  </si>
  <si>
    <t>Herida Del Torax</t>
  </si>
  <si>
    <t>Hernia Diafragmatica</t>
  </si>
  <si>
    <t>Enfermedades De La Glandula De Bartholin</t>
  </si>
  <si>
    <t>Traumatismo Del Ojo Y De La Orbita</t>
  </si>
  <si>
    <t>Enfermedad De Valvulas Cardiacas:Mitral-Aortica-Tricuspidea</t>
  </si>
  <si>
    <t>Mordedura De Animales</t>
  </si>
  <si>
    <t>Artrosis De La Primera Articulacion Carpometacarpiana</t>
  </si>
  <si>
    <t>Hepatitis Viral(A-B-C)</t>
  </si>
  <si>
    <t>Hemorragia Retiniana</t>
  </si>
  <si>
    <t>Tumor Benigno De La Hipofisis</t>
  </si>
  <si>
    <t>Rabdomiolisis</t>
  </si>
  <si>
    <t>Fisura Y Fistula De Las Regiones Anal Y Rectal</t>
  </si>
  <si>
    <t>Neumonitis</t>
  </si>
  <si>
    <t>Colitis Ulcerativa</t>
  </si>
  <si>
    <t>Estomatitis Y Lesiones Afines</t>
  </si>
  <si>
    <t>Erisipela</t>
  </si>
  <si>
    <t>Dolor De Garganta Y En El Pecho</t>
  </si>
  <si>
    <t>Absceso De Las Regiones Anal Y Rectal</t>
  </si>
  <si>
    <t>Mononeuropatias Del Miembro Superior</t>
  </si>
  <si>
    <t>Hipertension Materna, No Especificada</t>
  </si>
  <si>
    <t>Sarcoidosis</t>
  </si>
  <si>
    <t>Tumores Benignos De Las Meninges</t>
  </si>
  <si>
    <t>EMERGENCIA</t>
  </si>
  <si>
    <t>Hospitalización</t>
  </si>
  <si>
    <t>Tumor Benigno Del Hueso Y Del Cartilago Articular</t>
  </si>
  <si>
    <t>Ulcera De Piel (Atrófica)(Crónica)(Neurógena)(Perforante)</t>
  </si>
  <si>
    <t>Uropatia Obstructiva Y Por Reflujo</t>
  </si>
  <si>
    <t>Guarico</t>
  </si>
  <si>
    <t>Cojedes</t>
  </si>
  <si>
    <t>Enfermedad Del Almacenamiento De Glucogeno</t>
  </si>
  <si>
    <t>Embarazo Ectopico</t>
  </si>
  <si>
    <t>Fibrosis Y Cirrosis Del Higado</t>
  </si>
  <si>
    <t>Adherencias [Bridas] Intestinales Con Obstruccion</t>
  </si>
  <si>
    <t>Infecciones De La Mama Asociadas Con El Parto</t>
  </si>
  <si>
    <t>Aneurisma Cerebral, Sin Ruptura</t>
  </si>
  <si>
    <t>Tumor Benigno De Los Organos Urinarios</t>
  </si>
  <si>
    <t>Cuerpo Extraño Que Penetra Por El Ojo U Orificio Natural</t>
  </si>
  <si>
    <t>Insuficiencia Renal Aguda</t>
  </si>
  <si>
    <t>Hipotension  Arterial</t>
  </si>
  <si>
    <t>Apure</t>
  </si>
  <si>
    <t>Peritonitis</t>
  </si>
  <si>
    <t>Absceso Cerebral</t>
  </si>
  <si>
    <t>Varicela</t>
  </si>
  <si>
    <t>Otros Trastornos Del Cartilago Articular</t>
  </si>
  <si>
    <t>Hidrocefalo</t>
  </si>
  <si>
    <t>Fisura Del Paladar Con Labio Leporino</t>
  </si>
  <si>
    <t>Bloqueo Auriculoventricular Y De Rama Izquierda Del Haz</t>
  </si>
  <si>
    <t>Septicemia</t>
  </si>
  <si>
    <t>Artritis Infecciosa</t>
  </si>
  <si>
    <t>Troboembolismo Pulmonar</t>
  </si>
  <si>
    <t>Prolapso Rectal</t>
  </si>
  <si>
    <t>Tumor Maligno De La Encia</t>
  </si>
  <si>
    <t>Esclerosis Multiple</t>
  </si>
  <si>
    <t>Tirotoxicosis [Hipertiroidismo]</t>
  </si>
  <si>
    <t>Demencia En La Enfermedad De Alzheimer</t>
  </si>
  <si>
    <t>Tumor Maligno De Los Nervios Perifericos Y Del Sistema Nervi</t>
  </si>
  <si>
    <t>Enfermedad Quistica Del Riñon</t>
  </si>
  <si>
    <t>Artritis Psoriasica</t>
  </si>
  <si>
    <t>Fractura De Las Costillas, Del Esternon Y De La Columna Tora</t>
  </si>
  <si>
    <t>Flebitis Y Tromboflebitis</t>
  </si>
  <si>
    <t>Endocarditis Aguda Y Subaguda</t>
  </si>
  <si>
    <t>Tumor Maligno Del Estomago</t>
  </si>
  <si>
    <t>Ictericia Neonatal</t>
  </si>
  <si>
    <t>Embarazo Multiple</t>
  </si>
  <si>
    <t>Varices Esofagicas</t>
  </si>
  <si>
    <t>Trastorno Mental Organico O Sintomatico, No Especificado</t>
  </si>
  <si>
    <t>Aterosclerosis</t>
  </si>
  <si>
    <t>Derrame Pleural</t>
  </si>
  <si>
    <t>Prolapso De Valvula Mitral</t>
  </si>
  <si>
    <t>Malformaciones Encefalicas Del Recien Nacido</t>
  </si>
  <si>
    <t>Tumor Maligno De Otros Tejidos Conjuntivos Y De Tejidos Blan</t>
  </si>
  <si>
    <t>Enfermedades Del Bazo</t>
  </si>
  <si>
    <t>Polineuropatia Inflamatoria</t>
  </si>
  <si>
    <t>Enfermedad De Alzheimer</t>
  </si>
  <si>
    <t>Vomitos Y Hemorragia Del Embarazo</t>
  </si>
  <si>
    <t>Meningo-Encefalitis Viral</t>
  </si>
  <si>
    <t>Tumor Maligno Del Intestino Delgado</t>
  </si>
  <si>
    <t>Tumor Maligno Del Corazon, Del Mediastino Y De La Pleura</t>
  </si>
  <si>
    <t>Fiebre Reumatica</t>
  </si>
  <si>
    <t>Proctitis</t>
  </si>
  <si>
    <t>Trastornos Especificos Del Desarrollo Del Habla - Lengua</t>
  </si>
  <si>
    <t>Meningitis Encefalitis  Bacteriana/Viral</t>
  </si>
  <si>
    <t>Trastornos De La Ingestion De Alimentos</t>
  </si>
  <si>
    <t>Toxoplasmosis</t>
  </si>
  <si>
    <t>Episodio Depresivo</t>
  </si>
  <si>
    <t>Trastornos De La Pubertad, No Clasificados En Otra Parte</t>
  </si>
  <si>
    <t>Cicatriz Queloide)</t>
  </si>
  <si>
    <t>Trastornos De La Conducta</t>
  </si>
  <si>
    <t>Linfadenitis Aguda</t>
  </si>
  <si>
    <t>Estenosis Hipertrofica Del Piloro</t>
  </si>
  <si>
    <t>Poliartritis No Especificada</t>
  </si>
  <si>
    <t>Edema, No Clasificado En Otra Parte</t>
  </si>
  <si>
    <t>Trastornos De La Ansiedad</t>
  </si>
  <si>
    <t>Enfermedad Por Virus De La Inmunodeficiencia Humana (Vih)</t>
  </si>
  <si>
    <t>Sindrome Antifosfolipido)</t>
  </si>
  <si>
    <t>Deficiencia De Vitaminas Y Minerales</t>
  </si>
  <si>
    <t>Tumor Benigno De Los Organos Genitales Masculinos</t>
  </si>
  <si>
    <t>Linfadenitis Inespecifica</t>
  </si>
  <si>
    <t>Hipoglicemia</t>
  </si>
  <si>
    <t>Sifilis</t>
  </si>
  <si>
    <t>Orzuelo Y Calacio</t>
  </si>
  <si>
    <t>Miositis</t>
  </si>
  <si>
    <t>Tumor Maligno Del Ano Y Del Conducto Anal</t>
  </si>
  <si>
    <t>Tumor Benigno De La Glandula Tiroides</t>
  </si>
  <si>
    <t>Tumor Maligno De La Hipofisis</t>
  </si>
  <si>
    <t>Resfriado Comun</t>
  </si>
  <si>
    <t>Vitiligo</t>
  </si>
  <si>
    <t>Rosacea</t>
  </si>
  <si>
    <t>Granuloma Inguinal</t>
  </si>
  <si>
    <t>Psicosis De Origen No Organico, No Especificada</t>
  </si>
  <si>
    <t>Purpura Trombocitopenica Idiopatica</t>
  </si>
  <si>
    <t>Intolerancia A La Lactosa</t>
  </si>
  <si>
    <t>Impetigo</t>
  </si>
  <si>
    <t>Queratitis</t>
  </si>
  <si>
    <t>Sindrome Premenstrual</t>
  </si>
  <si>
    <t>Trastornos Del Desarrollo Y De La Erupcion De Los Dientes</t>
  </si>
  <si>
    <t>Talasemia</t>
  </si>
  <si>
    <t>Miocardiopatia</t>
  </si>
  <si>
    <t>Nistagmo Y Otros Movimientos Oculares Irregulares</t>
  </si>
  <si>
    <t>Reaccion Al Estres Grave Y Trastornos De Adaptacion</t>
  </si>
  <si>
    <t>Temblor Esencial</t>
  </si>
  <si>
    <t>Espina Bifida</t>
  </si>
  <si>
    <t>Tumor Maligno Del Piso De La Boca</t>
  </si>
  <si>
    <t>Absceso Periamigdalino</t>
  </si>
  <si>
    <t>Hernia Ventral</t>
  </si>
  <si>
    <t>Traumatismo Y Herida Superficial De Abdomen</t>
  </si>
  <si>
    <t>Espondilitis Anquilosante</t>
  </si>
  <si>
    <t>Trastorno Afectivo Bipolar</t>
  </si>
  <si>
    <t>Anomalias Dentofaciales [Incluso La Maloclusion]</t>
  </si>
  <si>
    <t>Episodio Maniaco</t>
  </si>
  <si>
    <t>Oclusion Vascular De La Retina</t>
  </si>
  <si>
    <t>Hematometra</t>
  </si>
  <si>
    <t>Displasia Mamaria Benigna</t>
  </si>
  <si>
    <t>Disfuncion Suprarrenal</t>
  </si>
  <si>
    <t>Tumor Maligno Del Ojo Y Sus Anexos</t>
  </si>
  <si>
    <t>Vasculitis Limitada A La Piel, No Clasificada En Otra Parte</t>
  </si>
  <si>
    <t>Agenesia Renal Y Otras Malformaciones Hipoplasicas Del Riñon</t>
  </si>
  <si>
    <t>Hipertension Portal</t>
  </si>
  <si>
    <t>Tumor Maligno De La Laringe</t>
  </si>
  <si>
    <t>Tumor Maligno Del Peritoneo Y Del Retroperitoneo</t>
  </si>
  <si>
    <t>Caries Dental</t>
  </si>
  <si>
    <t>Perforacion De La Membrana Timpanica</t>
  </si>
  <si>
    <t>Criptorquidea</t>
  </si>
  <si>
    <t>Fibrosis Quistica</t>
  </si>
  <si>
    <t>Rubeola (Sarampion Aleman)</t>
  </si>
  <si>
    <t>Deformidades Congenitas De La Cadera</t>
  </si>
  <si>
    <t>Incontinencia Fecal</t>
  </si>
  <si>
    <t>Desnutricion Proteico-Calorica</t>
  </si>
  <si>
    <t>Anemia Depranocitica</t>
  </si>
  <si>
    <t>Gingivitis Y Enfermedades Periodontales</t>
  </si>
  <si>
    <t>Malformaciones Congenitas Del Tubo Digestivo</t>
  </si>
  <si>
    <t>Ruptura Prematura De Las Membranas</t>
  </si>
  <si>
    <t>Paraplejia Y Cuadriplejia</t>
  </si>
  <si>
    <t>Otras Malformaciones Congenitas Del Sistema Nervioso</t>
  </si>
  <si>
    <t>Trastorno Obsesivo-Compulsivo</t>
  </si>
  <si>
    <t>Neuritis Optica</t>
  </si>
  <si>
    <t>Pediculosis Y Phthiriasis</t>
  </si>
  <si>
    <t>Hipospadias</t>
  </si>
  <si>
    <t>Envenenamiento Por Cualquier Causa</t>
  </si>
  <si>
    <t>Sinequias Intrauterina</t>
  </si>
  <si>
    <t>Flatulencia Y Afecciones Afines</t>
  </si>
  <si>
    <t>Otros Trastornos De La Encia Y De La Zona Edentula</t>
  </si>
  <si>
    <t>Trombosis De La Vena Cava Y Porta</t>
  </si>
  <si>
    <t>Paludismo</t>
  </si>
  <si>
    <t>Sindrome De Down</t>
  </si>
  <si>
    <t>Edema Pulmonar</t>
  </si>
  <si>
    <t>Trastornos De La Personalidad</t>
  </si>
  <si>
    <t>Demencia Vascular</t>
  </si>
  <si>
    <t>Coartacion Aortica</t>
  </si>
  <si>
    <t>Miastenia Gravis</t>
  </si>
  <si>
    <t>Tumor Benigno De Otros Organos Intratoracicos Y De Los No Es</t>
  </si>
  <si>
    <t>Distonia</t>
  </si>
  <si>
    <t>Neuroma De Morton</t>
  </si>
  <si>
    <t>Tumor Benigno De La Boca Y De La Faringe</t>
  </si>
  <si>
    <t>Hipertricosis</t>
  </si>
  <si>
    <t>Sarampion</t>
  </si>
  <si>
    <t>Anemia Hemolitica Adquirida</t>
  </si>
  <si>
    <t>Amiloidosis</t>
  </si>
  <si>
    <t>Osteomielitis</t>
  </si>
  <si>
    <t>Galactorrea</t>
  </si>
  <si>
    <t>Hiperprolactinemia</t>
  </si>
  <si>
    <t>Liquen Plano</t>
  </si>
  <si>
    <t>Sindrome De Cushing</t>
  </si>
  <si>
    <t>Amenaza De Parto Prematuro</t>
  </si>
  <si>
    <t>Eritema Multiforme Y Nodoso</t>
  </si>
  <si>
    <t>Tricomoniasis</t>
  </si>
  <si>
    <t>Tumor Maligno Del Labio</t>
  </si>
  <si>
    <t>Muerte Accidental</t>
  </si>
  <si>
    <t>Tumor Maligno De La Amigdala</t>
  </si>
  <si>
    <t>Parto Multiple</t>
  </si>
  <si>
    <t>Diverticulo Esofagico</t>
  </si>
  <si>
    <t>Gota</t>
  </si>
  <si>
    <t>Monoartritis</t>
  </si>
  <si>
    <t>Penfigo</t>
  </si>
  <si>
    <t>Citomegalovirus</t>
  </si>
  <si>
    <t>Infeccion Gonococica</t>
  </si>
  <si>
    <t>Tumor Benigno De Las Glandulas Salivales Mayores</t>
  </si>
  <si>
    <t>Laringoespasmo</t>
  </si>
  <si>
    <t>Bronquiectasia</t>
  </si>
  <si>
    <t>Colesteatoma Del Oido Medio</t>
  </si>
  <si>
    <t>Infertilidad Femenina</t>
  </si>
  <si>
    <t>Tumor Maligno De La Glandula Parotida</t>
  </si>
  <si>
    <t>Tumor Maligno De Senos Paranasales Y Oido</t>
  </si>
  <si>
    <t>Tumor Maligno De La Vulva</t>
  </si>
  <si>
    <t>Mastoiditis Y Afecciones Relacionadas</t>
  </si>
  <si>
    <t>Enfermedad  De Dupuytren</t>
  </si>
  <si>
    <t>Tumor Maligno Del Pene</t>
  </si>
  <si>
    <t>Atencion Medica Telefonica</t>
  </si>
  <si>
    <t>Ascitis</t>
  </si>
  <si>
    <t>Herida De La Cadera Y Del Muslo</t>
  </si>
  <si>
    <t>Trastornos Vasculares De Los Intestinos</t>
  </si>
  <si>
    <t>Enfermedades De La Pulpa Y De Los Tejidos Periapicales</t>
  </si>
  <si>
    <t>Otros Defectos De La Coagulacion Especificados</t>
  </si>
  <si>
    <t>Hiperaldosteronismo</t>
  </si>
  <si>
    <t>Tosferina</t>
  </si>
  <si>
    <t>Tumor Maligno De La Orofaringe</t>
  </si>
  <si>
    <t>Onfalitis Del Recien Nacido Con O Sin Hemorragia Leve</t>
  </si>
  <si>
    <t>Osteonecrosis</t>
  </si>
  <si>
    <t>Tumor Maligno De La Vagina</t>
  </si>
  <si>
    <t>Trastornos Falciformes</t>
  </si>
  <si>
    <t>Trastornos Adrenogenitales</t>
  </si>
  <si>
    <t>Enfermedad De Chagas</t>
  </si>
  <si>
    <t>Hipo-Hiperparitoidismo</t>
  </si>
  <si>
    <t>Sindrome De Raynaud</t>
  </si>
  <si>
    <t>Policitemia Vera</t>
  </si>
  <si>
    <t>Poliomielitis Aguda</t>
  </si>
  <si>
    <t>Crioglobulinemia</t>
  </si>
  <si>
    <t>Anemia Posthemorragica Aguda</t>
  </si>
  <si>
    <t>Sarcoma De Kaposi</t>
  </si>
  <si>
    <t>Mola Hidatiforme</t>
  </si>
  <si>
    <t>Trastornos Hipercineticos</t>
  </si>
  <si>
    <t>Diabetes Insipida</t>
  </si>
  <si>
    <t>Acidez</t>
  </si>
  <si>
    <t>Sepsis Puerperal</t>
  </si>
  <si>
    <t>Trombosis De Seno</t>
  </si>
  <si>
    <t>Convulsiones Del Recien Nacido</t>
  </si>
  <si>
    <t>Delta Amacuro</t>
  </si>
  <si>
    <t>Quemadura Solar</t>
  </si>
  <si>
    <t>Leptospirosis</t>
  </si>
  <si>
    <t>Retraso Mental</t>
  </si>
  <si>
    <t>Sindactilia</t>
  </si>
  <si>
    <t>Ahogamiento Y Sumersion</t>
  </si>
  <si>
    <t>Tumor Maligno Del Paladar</t>
  </si>
  <si>
    <t>Trastornos Psicoticos Agudos Y Transitorios</t>
  </si>
  <si>
    <t>FUNERARIAS</t>
  </si>
  <si>
    <t>AMBULANCIA</t>
  </si>
  <si>
    <t>Eclampsia</t>
  </si>
  <si>
    <t>PAGADO</t>
  </si>
  <si>
    <t>PENDIENTE</t>
  </si>
  <si>
    <t>INDIVIDUAL</t>
  </si>
  <si>
    <t>COLECTIVO</t>
  </si>
  <si>
    <t>FECHA CONTITUC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4" fontId="0" fillId="0" borderId="0" xfId="0" applyNumberFormat="1"/>
    <xf numFmtId="14" fontId="0" fillId="0" borderId="0" xfId="0" applyNumberFormat="1"/>
    <xf numFmtId="17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LIANA DEL VALLE LOPEZ PEÑA</dc:creator>
  <cp:lastModifiedBy>VALERIA DESIREE REVOLLEDO GONZALES</cp:lastModifiedBy>
  <dcterms:created xsi:type="dcterms:W3CDTF">2021-03-08T14:40:40Z</dcterms:created>
  <dcterms:modified xsi:type="dcterms:W3CDTF">2021-03-08T15:30:13Z</dcterms:modified>
</cp:coreProperties>
</file>